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e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ogo, schermopname, Lettertype&#10;&#10;Automatisch gegenereerde beschrijving">
            <a:extLst>
              <a:ext uri="{FF2B5EF4-FFF2-40B4-BE49-F238E27FC236}">
                <a16:creationId xmlns:a16="http://schemas.microsoft.com/office/drawing/2014/main" id="{9FBDD67A-167C-2C61-14EA-32E94D00A7F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2225" y="4490334"/>
            <a:ext cx="1920036" cy="210820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schermopname, Lettertype&#10;&#10;Automatisch gegenereerde beschrijving">
            <a:extLst>
              <a:ext uri="{FF2B5EF4-FFF2-40B4-BE49-F238E27FC236}">
                <a16:creationId xmlns:a16="http://schemas.microsoft.com/office/drawing/2014/main" id="{F117939C-49B6-FE72-3E19-7AA55D9FF26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9882" y="3760227"/>
            <a:ext cx="1411446" cy="154976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4-12T15:03:14Z</dcterms:modified>
</cp:coreProperties>
</file>